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3-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3-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oxt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6C7A53BF-602C-8F77-055C-950FAC849CE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8805" y="4862287"/>
            <a:ext cx="3205627" cy="18015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6C7A53BF-602C-8F77-055C-950FAC849CE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8518" y="4078514"/>
            <a:ext cx="2190117" cy="123084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5-23T11:59:02Z</dcterms:modified>
</cp:coreProperties>
</file>